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tags/tag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9"/>
  </p:notesMasterIdLst>
  <p:sldIdLst>
    <p:sldId id="256" r:id="rId2"/>
    <p:sldId id="265" r:id="rId3"/>
    <p:sldId id="266" r:id="rId4"/>
    <p:sldId id="267" r:id="rId5"/>
    <p:sldId id="260" r:id="rId6"/>
    <p:sldId id="263" r:id="rId7"/>
    <p:sldId id="262" r:id="rId8"/>
  </p:sldIdLst>
  <p:sldSz cx="9144000" cy="6858000" type="screen4x3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1224" userDrawn="1">
          <p15:clr>
            <a:srgbClr val="A4A3A4"/>
          </p15:clr>
        </p15:guide>
        <p15:guide id="3" orient="horz" pos="3888" userDrawn="1">
          <p15:clr>
            <a:srgbClr val="A4A3A4"/>
          </p15:clr>
        </p15:guide>
        <p15:guide id="4" pos="410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965" autoAdjust="0"/>
    <p:restoredTop sz="94660"/>
  </p:normalViewPr>
  <p:slideViewPr>
    <p:cSldViewPr snapToGrid="0" showGuides="1">
      <p:cViewPr varScale="1">
        <p:scale>
          <a:sx n="115" d="100"/>
          <a:sy n="115" d="100"/>
        </p:scale>
        <p:origin x="1312" y="192"/>
      </p:cViewPr>
      <p:guideLst>
        <p:guide orient="horz" pos="2160"/>
        <p:guide pos="1224"/>
        <p:guide orient="horz" pos="3888"/>
        <p:guide pos="410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1.3932832213473646E-2"/>
          <c:y val="6.8750000000000006E-2"/>
          <c:w val="0.97398437360577916"/>
          <c:h val="0.793875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4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8812-4009-946E-F49EAD780202}"/>
              </c:ext>
            </c:extLst>
          </c:dPt>
          <c:dPt>
            <c:idx val="5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8812-4009-946E-F49EAD780202}"/>
              </c:ext>
            </c:extLst>
          </c:dPt>
          <c:dPt>
            <c:idx val="6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8812-4009-946E-F49EAD780202}"/>
              </c:ext>
            </c:extLst>
          </c:dPt>
          <c:dPt>
            <c:idx val="7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7-8812-4009-946E-F49EAD780202}"/>
              </c:ext>
            </c:extLst>
          </c:dPt>
          <c:dPt>
            <c:idx val="8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9-8812-4009-946E-F49EAD780202}"/>
              </c:ext>
            </c:extLst>
          </c:dPt>
          <c:dPt>
            <c:idx val="9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B-8812-4009-946E-F49EAD780202}"/>
              </c:ext>
            </c:extLst>
          </c:dPt>
          <c:dPt>
            <c:idx val="10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D-8812-4009-946E-F49EAD780202}"/>
              </c:ext>
            </c:extLst>
          </c:dPt>
          <c:dPt>
            <c:idx val="11"/>
            <c:invertIfNegative val="0"/>
            <c:bubble3D val="0"/>
            <c:spPr>
              <a:solidFill>
                <a:schemeClr val="bg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F-8812-4009-946E-F49EAD780202}"/>
              </c:ext>
            </c:extLst>
          </c:dPt>
          <c:dLbls>
            <c:numFmt formatCode="&quot;$&quot;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2:$A$13</c:f>
              <c:strCache>
                <c:ptCount val="12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E</c:v>
                </c:pt>
                <c:pt idx="5">
                  <c:v>2019E</c:v>
                </c:pt>
                <c:pt idx="6">
                  <c:v>2020E</c:v>
                </c:pt>
                <c:pt idx="7">
                  <c:v>2021E</c:v>
                </c:pt>
                <c:pt idx="8">
                  <c:v>2022E</c:v>
                </c:pt>
                <c:pt idx="9">
                  <c:v>2023E</c:v>
                </c:pt>
                <c:pt idx="10">
                  <c:v>2024E</c:v>
                </c:pt>
                <c:pt idx="11">
                  <c:v>2025E</c:v>
                </c:pt>
              </c:strCache>
            </c:strRef>
          </c:cat>
          <c:val>
            <c:numRef>
              <c:f>Sheet1!$B$2:$B$13</c:f>
              <c:numCache>
                <c:formatCode>General</c:formatCode>
                <c:ptCount val="12"/>
                <c:pt idx="0">
                  <c:v>136.5</c:v>
                </c:pt>
                <c:pt idx="1">
                  <c:v>141.9</c:v>
                </c:pt>
                <c:pt idx="2">
                  <c:v>147.9</c:v>
                </c:pt>
                <c:pt idx="3">
                  <c:v>153.9</c:v>
                </c:pt>
                <c:pt idx="4">
                  <c:v>161</c:v>
                </c:pt>
                <c:pt idx="5">
                  <c:v>168</c:v>
                </c:pt>
                <c:pt idx="6">
                  <c:v>175.1</c:v>
                </c:pt>
                <c:pt idx="7">
                  <c:v>183.8</c:v>
                </c:pt>
                <c:pt idx="8">
                  <c:v>194.2</c:v>
                </c:pt>
                <c:pt idx="9">
                  <c:v>204.5</c:v>
                </c:pt>
                <c:pt idx="10">
                  <c:v>214.9</c:v>
                </c:pt>
                <c:pt idx="11">
                  <c:v>226.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8812-4009-946E-F49EAD78020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1243924792"/>
        <c:axId val="1243925184"/>
      </c:barChart>
      <c:catAx>
        <c:axId val="124392479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pPr>
            <a:endParaRPr lang="en-US"/>
          </a:p>
        </c:txPr>
        <c:crossAx val="1243925184"/>
        <c:crosses val="autoZero"/>
        <c:auto val="1"/>
        <c:lblAlgn val="ctr"/>
        <c:lblOffset val="100"/>
        <c:noMultiLvlLbl val="0"/>
      </c:catAx>
      <c:valAx>
        <c:axId val="1243925184"/>
        <c:scaling>
          <c:orientation val="minMax"/>
        </c:scaling>
        <c:delete val="1"/>
        <c:axPos val="l"/>
        <c:numFmt formatCode="General" sourceLinked="1"/>
        <c:majorTickMark val="none"/>
        <c:minorTickMark val="none"/>
        <c:tickLblPos val="nextTo"/>
        <c:crossAx val="1243924792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sz="900">
          <a:latin typeface="Arial" panose="020B0604020202020204" pitchFamily="34" charset="0"/>
          <a:cs typeface="Arial" panose="020B0604020202020204" pitchFamily="34" charset="0"/>
        </a:defRPr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7388028-6F18-41FA-81C3-957061EA3343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BF6CE4-AE6D-4A0C-974A-D103A3FA87A5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2135451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ABF6CE4-AE6D-4A0C-974A-D103A3FA87A5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283227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P1536676678805</a:t>
            </a:r>
          </a:p>
        </p:txBody>
      </p:sp>
    </p:spTree>
    <p:extLst>
      <p:ext uri="{BB962C8B-B14F-4D97-AF65-F5344CB8AC3E}">
        <p14:creationId xmlns:p14="http://schemas.microsoft.com/office/powerpoint/2010/main" val="258159770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 userDrawn="1"/>
        </p:nvCxnSpPr>
        <p:spPr>
          <a:xfrm>
            <a:off x="475488" y="6143775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605713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72736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800725" cy="581183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011677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432262" y="1855694"/>
            <a:ext cx="8279476" cy="3953435"/>
          </a:xfrm>
          <a:prstGeom prst="rect">
            <a:avLst/>
          </a:prstGeom>
        </p:spPr>
        <p:txBody>
          <a:bodyPr/>
          <a:lstStyle>
            <a:lvl1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59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77778882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432262" y="1169894"/>
            <a:ext cx="8279476" cy="322729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82"/>
              </a:spcBef>
              <a:buFontTx/>
              <a:buNone/>
              <a:defRPr sz="1324" b="0" i="0">
                <a:solidFill>
                  <a:schemeClr val="tx2"/>
                </a:solidFill>
                <a:latin typeface="Arial"/>
              </a:defRPr>
            </a:lvl1pPr>
            <a:lvl2pPr marL="403433" indent="0" algn="ctr">
              <a:buNone/>
            </a:lvl2pPr>
            <a:lvl3pPr marL="806867" indent="0" algn="ctr">
              <a:buNone/>
            </a:lvl3pPr>
            <a:lvl4pPr marL="1210300" indent="0" algn="ctr">
              <a:buNone/>
            </a:lvl4pPr>
            <a:lvl5pPr marL="1613733" indent="0" algn="ctr">
              <a:buNone/>
            </a:lvl5pPr>
            <a:lvl6pPr marL="2017166" indent="0" algn="ctr">
              <a:buNone/>
            </a:lvl6pPr>
            <a:lvl7pPr marL="2420600" indent="0" algn="ctr">
              <a:buNone/>
            </a:lvl7pPr>
            <a:lvl8pPr marL="2824033" indent="0" algn="ctr">
              <a:buNone/>
            </a:lvl8pPr>
            <a:lvl9pPr marL="3227466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67493841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7748" y="535377"/>
            <a:ext cx="8229600" cy="278130"/>
          </a:xfr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sp>
        <p:nvSpPr>
          <p:cNvPr id="8" name="Rectangle 7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7441169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9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4"/>
            <a:ext cx="7886700" cy="1500187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solidFill>
                  <a:schemeClr val="tx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14886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825625"/>
            <a:ext cx="3886200" cy="435133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9247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365126"/>
            <a:ext cx="7886700" cy="1325563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9842" y="1681163"/>
            <a:ext cx="3868340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9842" y="2505075"/>
            <a:ext cx="3868340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391" cy="82391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391" cy="3684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69956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1489505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472507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91611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841" y="457200"/>
            <a:ext cx="2949178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3887391" y="987426"/>
            <a:ext cx="4629150" cy="4873625"/>
          </a:xfrm>
          <a:prstGeom prst="rect">
            <a:avLst/>
          </a:prstGeo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29841" y="2057400"/>
            <a:ext cx="2949178" cy="381158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8449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  <a:prstGeom prst="rect">
            <a:avLst/>
          </a:prstGeom>
        </p:spPr>
        <p:txBody>
          <a:bodyPr vert="horz" lIns="0" tIns="45720" rIns="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75250DF-1B5F-4AA3-A2B3-8B13CD43DE46}" type="datetimeFigureOut">
              <a:rPr lang="en-US" smtClean="0"/>
              <a:t>10/30/20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1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1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0822842-BF45-48B4-9CFF-24916EDCC40F}" type="slidenum">
              <a:rPr lang="en-US" smtClean="0"/>
              <a:t>‹#›</a:t>
            </a:fld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75488" y="895393"/>
            <a:ext cx="8211312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49578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1800" kern="1200">
          <a:solidFill>
            <a:schemeClr val="tx2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2880" userDrawn="1">
          <p15:clr>
            <a:srgbClr val="F26B43"/>
          </p15:clr>
        </p15:guide>
        <p15:guide id="3" pos="288" userDrawn="1">
          <p15:clr>
            <a:srgbClr val="F26B43"/>
          </p15:clr>
        </p15:guide>
        <p15:guide id="4" pos="5472" userDrawn="1">
          <p15:clr>
            <a:srgbClr val="F26B43"/>
          </p15:clr>
        </p15:guide>
        <p15:guide id="5" orient="horz" pos="4032" userDrawn="1">
          <p15:clr>
            <a:srgbClr val="F26B43"/>
          </p15:clr>
        </p15:guide>
        <p15:guide id="6" orient="horz" pos="28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3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4" Type="http://schemas.openxmlformats.org/officeDocument/2006/relationships/notesSlide" Target="../notesSlides/notesSlide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2.xml"/><Relationship Id="rId1" Type="http://schemas.openxmlformats.org/officeDocument/2006/relationships/tags" Target="../tags/tag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 txBox="1">
            <a:spLocks/>
          </p:cNvSpPr>
          <p:nvPr/>
        </p:nvSpPr>
        <p:spPr>
          <a:xfrm>
            <a:off x="475488" y="3441700"/>
            <a:ext cx="9107424" cy="369332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defTabSz="914400" rtl="0" eaLnBrk="1" latinLnBrk="0" hangingPunct="1">
              <a:spcBef>
                <a:spcPct val="9500"/>
              </a:spcBef>
              <a:buFontTx/>
              <a:buNone/>
              <a:defRPr sz="2400" b="0" i="0" kern="1200">
                <a:solidFill>
                  <a:schemeClr val="tx2"/>
                </a:solidFill>
                <a:latin typeface="Arial" panose="020B0604020202020204" pitchFamily="34" charset="0"/>
                <a:ea typeface="+mj-ea"/>
                <a:cs typeface="+mj-cs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9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6D6E6A"/>
                </a:solidFill>
                <a:effectLst/>
                <a:uLnTx/>
                <a:uFillTx/>
                <a:latin typeface="Arial" panose="020B0604020202020204" pitchFamily="34" charset="0"/>
                <a:cs typeface="+mj-cs"/>
              </a:rPr>
              <a:t>Credit Memo</a:t>
            </a:r>
          </a:p>
        </p:txBody>
      </p:sp>
      <p:sp>
        <p:nvSpPr>
          <p:cNvPr id="7" name="CoverPageDateText"/>
          <p:cNvSpPr txBox="1">
            <a:spLocks/>
          </p:cNvSpPr>
          <p:nvPr/>
        </p:nvSpPr>
        <p:spPr>
          <a:xfrm>
            <a:off x="475488" y="4039632"/>
            <a:ext cx="3008376" cy="365760"/>
          </a:xfrm>
          <a:prstGeom prst="rect">
            <a:avLst/>
          </a:prstGeom>
        </p:spPr>
        <p:txBody>
          <a:bodyPr vert="horz" wrap="none" lIns="0" tIns="0" rIns="0" bIns="0" rtlCol="0" anchor="t">
            <a:noAutofit/>
          </a:bodyPr>
          <a:lstStyle>
            <a:lvl1pPr marL="3175" indent="0" algn="l" defTabSz="914400" rtl="0" eaLnBrk="1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7432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173736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338328" indent="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50292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Tx/>
              <a:buNone/>
              <a:defRPr sz="1400" b="0" i="0" kern="1200">
                <a:solidFill>
                  <a:schemeClr val="bg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175" marR="0" lvl="0" indent="0" algn="l" defTabSz="914400" rtl="0" eaLnBrk="1" fontAlgn="auto" latinLnBrk="0" hangingPunct="1">
              <a:lnSpc>
                <a:spcPct val="110000"/>
              </a:lnSpc>
              <a:spcBef>
                <a:spcPts val="1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478FBF"/>
                </a:solidFill>
                <a:effectLst/>
                <a:uLnTx/>
                <a:uFillTx/>
                <a:latin typeface="Arial" panose="020B0604020202020204" pitchFamily="34" charset="0"/>
                <a:cs typeface="+mn-cs"/>
              </a:rPr>
              <a:t>[●] 2020</a:t>
            </a:r>
          </a:p>
        </p:txBody>
      </p:sp>
      <p:sp>
        <p:nvSpPr>
          <p:cNvPr id="8" name="Rectangle 7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7398044" y="6337300"/>
            <a:ext cx="1288756" cy="259232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5488" y="2199294"/>
            <a:ext cx="3882328" cy="10138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41185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Executive summary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472966" y="999933"/>
            <a:ext cx="8234382" cy="2509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Transaction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72966" y="3930479"/>
            <a:ext cx="2506901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Sources &amp; Uses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356385" y="3930479"/>
            <a:ext cx="5350963" cy="220426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200" b="1" dirty="0">
                <a:latin typeface="Arial" panose="020B0604020202020204" pitchFamily="34" charset="0"/>
              </a:rPr>
              <a:t>Pro Forma Capitalization Table</a:t>
            </a:r>
          </a:p>
        </p:txBody>
      </p:sp>
      <p:sp>
        <p:nvSpPr>
          <p:cNvPr id="11" name="Rectangle 10"/>
          <p:cNvSpPr/>
          <p:nvPr>
            <p:custDataLst>
              <p:tags r:id="rId1"/>
            </p:custDataLst>
          </p:nvPr>
        </p:nvSpPr>
        <p:spPr>
          <a:xfrm>
            <a:off x="472966" y="1250924"/>
            <a:ext cx="8213834" cy="2585323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Corporation (“Davis Industries” or the “Company”) is a medical devices manufacturer that delivers innovative infection prevention products and services for the healthcare mark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specializes in the following reportable segments: Endoscopy, Water Purification and Filtration, Health Disposables, and Dialysis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the LTM period </a:t>
            </a: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ded July 31, 2017, Davis Industries generated revenue of $480.3 million and adjusted EBITDA of $99.8 million</a:t>
            </a: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1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urrently exploring how to refinance existing debt on its balance sheet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has $126mm of existing debt that is split into two tranches (“Tranche A” and “Tranche B”) that both mature later this year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is considering putting in place a $200 million Revolving Credit Facility, the proceeds of which would be used to refinance Tranche A and Tranche B </a:t>
            </a:r>
          </a:p>
          <a:p>
            <a:pPr marL="231775" lvl="1" indent="-231775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1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 Forma for the transaction, total leverage will be 1.3x based on LTM Adjusted EBITDA of $99.8 million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9486629"/>
              </p:ext>
            </p:extLst>
          </p:nvPr>
        </p:nvGraphicFramePr>
        <p:xfrm>
          <a:off x="472966" y="4257683"/>
          <a:ext cx="8234383" cy="1671128"/>
        </p:xfrm>
        <a:graphic>
          <a:graphicData uri="http://schemas.openxmlformats.org/drawingml/2006/table">
            <a:tbl>
              <a:tblPr/>
              <a:tblGrid>
                <a:gridCol w="170652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9527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449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80289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887916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87916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28272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830545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830545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</a:tblGrid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Sourc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Before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After Transac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moun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x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Sourc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8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5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Uses ($mm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w Revolving Credit Facility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  - 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.0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80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.0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pay Tranche B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4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08891"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Uses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26.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djusted EBITDA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        99.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10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43670554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966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overview</a:t>
            </a:r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29247204"/>
              </p:ext>
            </p:extLst>
          </p:nvPr>
        </p:nvGraphicFramePr>
        <p:xfrm>
          <a:off x="472966" y="1027766"/>
          <a:ext cx="8229602" cy="5119788"/>
        </p:xfrm>
        <a:graphic>
          <a:graphicData uri="http://schemas.openxmlformats.org/drawingml/2006/table">
            <a:tbl>
              <a:tblPr/>
              <a:tblGrid>
                <a:gridCol w="1679244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2637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499868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679244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  <a:gridCol w="728975">
                  <a:extLst>
                    <a:ext uri="{9D8B030D-6E8A-4147-A177-3AD203B41FA5}">
                      <a16:colId xmlns:a16="http://schemas.microsoft.com/office/drawing/2014/main" val="20008"/>
                    </a:ext>
                  </a:extLst>
                </a:gridCol>
              </a:tblGrid>
              <a:tr h="180368"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rgbClr val="FFFFFF"/>
                          </a:solidFill>
                          <a:effectLst/>
                          <a:latin typeface="Arial" panose="020B0604020202020204" pitchFamily="34" charset="0"/>
                        </a:rPr>
                        <a:t>Davis Industries Corporation - Financial Summar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69A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6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YE July 31,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B5D2E6"/>
                    </a:solidFill>
                  </a:tcPr>
                </a:tc>
                <a:tc gridSpan="3"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YE July 31,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 in mill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 in mill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5D2E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come Statemen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Flow Statemen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7889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venu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353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415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$480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flow from operat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39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49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59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</a:t>
                      </a:r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growth</a:t>
                      </a:r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7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5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pital expenditure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7.9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11.4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16.8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ree Cash Flow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7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3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st of Goods Sold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88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15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42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Gross Profi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5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0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237.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quisition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20.4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65.0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43.8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Gross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6.8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8.3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9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1" u="none" strike="noStrike" dirty="0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Dividends paid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2.6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(3.1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(3.6)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operating expense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16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2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72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Operating incom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8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8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4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alculation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Operating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.8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.0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djusted EBITDA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70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86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9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Net incom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7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4.9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40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redit ratios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Net profit margi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.9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.4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.5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 / EBITDA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1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1.3x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Debt to total capitalization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5.9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1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30.3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sng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Balance Sheet</a:t>
                      </a:r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:</a:t>
                      </a:r>
                      <a:endParaRPr lang="en-US" sz="800" b="1" i="0" u="sng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FF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CF / Total Deb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9.7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2.4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34.2%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and cash equivalent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1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26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$32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0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counts receivabl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3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8.4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9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1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ventor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5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7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61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2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Total assets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65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43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0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3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Accounts payable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.4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7.2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4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8.5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16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126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5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quit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24.6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49.7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</a:rPr>
                        <a:t>289.8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6"/>
                  </a:ext>
                </a:extLst>
              </a:tr>
              <a:tr h="180368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Liabilities and equity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65.0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443.3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01.1</a:t>
                      </a: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BFBFB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7487" marR="7487" marT="7487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27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41901835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TextBox 18"/>
          <p:cNvSpPr txBox="1"/>
          <p:nvPr/>
        </p:nvSpPr>
        <p:spPr>
          <a:xfrm>
            <a:off x="651806" y="1902463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636955" y="2651187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644381" y="3413186"/>
            <a:ext cx="3866408" cy="535937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840940" y="3148724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4840940" y="1501336"/>
            <a:ext cx="3866408" cy="722100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no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Business and industry overview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9" y="999933"/>
            <a:ext cx="4042724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mpany overview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841303" y="999933"/>
            <a:ext cx="3866046" cy="24688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Industry overview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840941" y="4326090"/>
            <a:ext cx="3866407" cy="21420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Medical device manufacturer market growth ($</a:t>
            </a:r>
            <a:r>
              <a:rPr lang="en-US" sz="1100" b="1" dirty="0" err="1">
                <a:latin typeface="Arial" panose="020B0604020202020204" pitchFamily="34" charset="0"/>
              </a:rPr>
              <a:t>bn</a:t>
            </a:r>
            <a:r>
              <a:rPr lang="en-US" sz="1100" b="1" dirty="0">
                <a:latin typeface="Arial" panose="020B0604020202020204" pitchFamily="34" charset="0"/>
              </a:rPr>
              <a:t>)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840940" y="3993243"/>
            <a:ext cx="3866408" cy="246221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lta Corp, Omega Inc, Kappa GmbH, Alpha Inc, Omicron Intl</a:t>
            </a:r>
          </a:p>
        </p:txBody>
      </p:sp>
      <p:sp>
        <p:nvSpPr>
          <p:cNvPr id="15" name="Rectangle 14"/>
          <p:cNvSpPr/>
          <p:nvPr>
            <p:custDataLst>
              <p:tags r:id="rId1"/>
            </p:custDataLst>
          </p:nvPr>
        </p:nvSpPr>
        <p:spPr>
          <a:xfrm>
            <a:off x="475489" y="1318971"/>
            <a:ext cx="4042724" cy="35163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vis Industries </a:t>
            </a: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s a leading provider medical equipment and sanitation products  and services in the healthcare market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s, develops, manufactures, sells, and servic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secting, grasping, retractors, homeostatic instrument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ide greater safety and uphold to highest standard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ers: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s, develops, manufactures, sells, and servic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iquid and cold disinfectant used in many industri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trol contamination and limit infections/spread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: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igns, develops, manufactures, sells, and services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 use products used by medical professionals </a:t>
            </a: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edles, syringes, bandages, wraps, catheters, sponger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stomers</a:t>
            </a:r>
            <a:endParaRPr lang="en-US" sz="1000" b="1" dirty="0">
              <a:solidFill>
                <a:srgbClr val="BA0C2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56032" lvl="2" indent="-128016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o customer accounted for more than 10% of consolidated net sales during FY2017, FY2016, or FY2015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Rectangle 15"/>
          <p:cNvSpPr/>
          <p:nvPr>
            <p:custDataLst>
              <p:tags r:id="rId2"/>
            </p:custDataLst>
          </p:nvPr>
        </p:nvSpPr>
        <p:spPr>
          <a:xfrm>
            <a:off x="4840941" y="1241985"/>
            <a:ext cx="3866407" cy="28084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tal addressable markets (“TAM”)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rgical Instruments: [~4.5B / growing at 7%]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cal Sterilization: [~1B / growing at 5%]</a:t>
            </a:r>
          </a:p>
          <a:p>
            <a:pPr marL="146304" lvl="1" indent="-14630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ngle-Use Medical Disposables: [~1.2B / growing at 2-3%]</a:t>
            </a: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 driver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ging US popula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mprovements in medical technology and upgrading clinics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ore demand for single use disposables 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US" sz="1000" b="1" dirty="0">
              <a:solidFill>
                <a:srgbClr val="6D6E6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indent="-329184" algn="just"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</a:pPr>
            <a:r>
              <a:rPr lang="en-US" sz="1000" b="1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etition</a:t>
            </a:r>
          </a:p>
          <a:p>
            <a:pPr marL="128016" lvl="1" indent="-128016" algn="just"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US" sz="1000" dirty="0">
                <a:solidFill>
                  <a:srgbClr val="6D6E6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e overall market is highly competitive with peers such as:</a:t>
            </a:r>
          </a:p>
        </p:txBody>
      </p:sp>
      <p:graphicFrame>
        <p:nvGraphicFramePr>
          <p:cNvPr id="17" name="Chart 16"/>
          <p:cNvGraphicFramePr/>
          <p:nvPr>
            <p:custDataLst>
              <p:tags r:id="rId3"/>
            </p:custDataLst>
          </p:nvPr>
        </p:nvGraphicFramePr>
        <p:xfrm>
          <a:off x="4840941" y="4669384"/>
          <a:ext cx="3866407" cy="16028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</p:spTree>
    <p:extLst>
      <p:ext uri="{BB962C8B-B14F-4D97-AF65-F5344CB8AC3E}">
        <p14:creationId xmlns:p14="http://schemas.microsoft.com/office/powerpoint/2010/main" val="1856993651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Deal structuring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75488" y="1037855"/>
            <a:ext cx="5118466" cy="19304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Collateral analysis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75488" y="3878545"/>
            <a:ext cx="8231860" cy="306791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Risks and Mitigants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776856" y="1005163"/>
            <a:ext cx="2930492" cy="241658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1100" b="1" dirty="0">
                <a:latin typeface="Arial" panose="020B0604020202020204" pitchFamily="34" charset="0"/>
              </a:rPr>
              <a:t>Financial covenant package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20683144"/>
              </p:ext>
            </p:extLst>
          </p:nvPr>
        </p:nvGraphicFramePr>
        <p:xfrm>
          <a:off x="5776857" y="1289905"/>
          <a:ext cx="2930491" cy="27799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4742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9467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7883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13467">
                <a:tc>
                  <a:txBody>
                    <a:bodyPr/>
                    <a:lstStyle/>
                    <a:p>
                      <a:endParaRPr lang="en-US" sz="900" b="1" dirty="0">
                        <a:solidFill>
                          <a:schemeClr val="bg1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oven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chemeClr val="bg1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23761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x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Total Debt / EBITDA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adequate debt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r>
                        <a:rPr lang="en-US" sz="900" b="1" dirty="0">
                          <a:solidFill>
                            <a:srgbClr val="FFFF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  <a:sym typeface="Wingdings" panose="05000000000000000000" pitchFamily="2" charset="2"/>
                        </a:rPr>
                        <a:t> </a:t>
                      </a:r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Coverage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/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Total Interest)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Assures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operating earnings can cover interest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xed Charge Coverage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EBITDA less Capital Expenditures divided by Total Fixed Charges)</a:t>
                      </a: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ufficiency of operating earnings for fixed requirements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 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angible Net Worth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 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Net Worth – Intangible assets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mits investments,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directing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to debt repayme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49877">
                <a:tc>
                  <a:txBody>
                    <a:bodyPr/>
                    <a:lstStyle/>
                    <a:p>
                      <a:pPr algn="ctr"/>
                      <a:endParaRPr lang="en-US" sz="900" b="1" dirty="0">
                        <a:solidFill>
                          <a:srgbClr val="FFFF00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0" i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nimum</a:t>
                      </a:r>
                    </a:p>
                    <a:p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iquidity 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(Permit at any time its total of cash and marketable securities, to be less than a $ amount) 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r>
                        <a:rPr lang="en-US" sz="700" b="1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ationale: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700" b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ssures satisfactory</a:t>
                      </a:r>
                      <a:r>
                        <a:rPr lang="en-US" sz="700" b="0" baseline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liquidity and tracks performance vs. plan</a:t>
                      </a:r>
                      <a:endParaRPr lang="en-US" sz="700" b="0" dirty="0">
                        <a:solidFill>
                          <a:schemeClr val="tx2"/>
                        </a:solidFill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graphicFrame>
        <p:nvGraphicFramePr>
          <p:cNvPr id="13" name="Table 1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02475959"/>
              </p:ext>
            </p:extLst>
          </p:nvPr>
        </p:nvGraphicFramePr>
        <p:xfrm>
          <a:off x="475488" y="4326042"/>
          <a:ext cx="8231860" cy="15994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74494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48691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45072"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FF00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isk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900" b="1" dirty="0">
                          <a:solidFill>
                            <a:srgbClr val="00B05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itigant</a:t>
                      </a:r>
                    </a:p>
                  </a:txBody>
                  <a:tcPr marL="0" marR="0">
                    <a:lnL w="12700" cmpd="sng">
                      <a:noFill/>
                    </a:lnL>
                    <a:lnR w="12700" cmpd="sng">
                      <a:noFill/>
                    </a:lnR>
                    <a:lnT w="38100" cmpd="sng">
                      <a:noFill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etition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- Company faces rapid technology changes in the medical device and water purification industry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shows top line growth year over year  [●] Company research leads to patents resulting in a competitive advantage [●] Company has communicated to the bank that they have significant R&amp;D investment in process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gulation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dustry  is experiencing significant scrutiny and regulation by governmental authorities, which may lead to greater regulation in the future.</a:t>
                      </a:r>
                      <a:endParaRPr lang="en-US" sz="700" b="1" i="0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regularly participants in seminars and webinars for proper regulation education [●] Company has not presented any significant regulation issues historically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modity Risk - 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mpany is heavily reliant on certain raw materials and can be adversely impacted by rising prices.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Historically the company has been able to maintain strong margins [●] Company has a hedging strategy in place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38582"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llateral shortfall -</a:t>
                      </a:r>
                      <a:r>
                        <a:rPr lang="en-US" sz="7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$86,000m deficiency if revolver is fully drawn 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ctr"/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[●] Company has maintained strong and consistent cash on their balance sheet [●] Company has 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cash flow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leverage under 1.50x and has had low cash flow</a:t>
                      </a:r>
                      <a:r>
                        <a:rPr lang="en-US" sz="700" b="0" i="0" u="none" strike="noStrike" kern="1200" baseline="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7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leverage historically [●] Company patents and performance warrants enterprise valuation which will be used as bank security</a:t>
                      </a:r>
                    </a:p>
                  </a:txBody>
                  <a:tcPr marL="0" marR="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graphicFrame>
        <p:nvGraphicFramePr>
          <p:cNvPr id="15" name="Table 1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04516756"/>
              </p:ext>
            </p:extLst>
          </p:nvPr>
        </p:nvGraphicFramePr>
        <p:xfrm>
          <a:off x="475488" y="1289905"/>
          <a:ext cx="5118465" cy="1800830"/>
        </p:xfrm>
        <a:graphic>
          <a:graphicData uri="http://schemas.openxmlformats.org/drawingml/2006/table">
            <a:tbl>
              <a:tblPr/>
              <a:tblGrid>
                <a:gridCol w="137607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32854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2854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085292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18076">
                <a:tc>
                  <a:txBody>
                    <a:bodyPr/>
                    <a:lstStyle/>
                    <a:p>
                      <a:pPr algn="l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Collateral description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Eligible collateral value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uthorized advance rate (%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750" b="1" i="0" u="none" strike="noStrike" dirty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</a:rPr>
                        <a:t>Available collateral ($k)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Accounts receiv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$69,078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8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kern="1200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,262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Inventories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61,795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30,898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Property and equipment, net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55,211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50%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914400" rtl="0" eaLnBrk="1" fontAlgn="b" latinLnBrk="0" hangingPunct="1"/>
                      <a:r>
                        <a:rPr lang="en-US" sz="800" b="0" i="0" u="none" strike="noStrike" kern="1200" dirty="0">
                          <a:solidFill>
                            <a:srgbClr val="0000FF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$27,607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Total collateral available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13,767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Less: (commitments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126,000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1182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Excess / (deficiency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</a:rPr>
                        <a:t>$(12,233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9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</a:tbl>
          </a:graphicData>
        </a:graphic>
      </p:graphicFrame>
      <p:sp>
        <p:nvSpPr>
          <p:cNvPr id="10" name="Rectangle 9"/>
          <p:cNvSpPr/>
          <p:nvPr/>
        </p:nvSpPr>
        <p:spPr>
          <a:xfrm>
            <a:off x="475488" y="3356583"/>
            <a:ext cx="5118466" cy="521962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TextBox 13"/>
          <p:cNvSpPr txBox="1"/>
          <p:nvPr/>
        </p:nvSpPr>
        <p:spPr>
          <a:xfrm>
            <a:off x="666603" y="3428031"/>
            <a:ext cx="4736233" cy="400110"/>
          </a:xfrm>
          <a:prstGeom prst="rect">
            <a:avLst/>
          </a:prstGeom>
          <a:solidFill>
            <a:srgbClr val="FFFF99"/>
          </a:solidFill>
        </p:spPr>
        <p:txBody>
          <a:bodyPr wrap="square" rtlCol="0">
            <a:spAutoFit/>
          </a:bodyPr>
          <a:lstStyle/>
          <a:p>
            <a:r>
              <a:rPr lang="en-US" sz="1000" dirty="0"/>
              <a:t>These are the two important metrics to look at when looking at borrowing from a company. It show their financial strength as well as how they’re handling liabilities.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75488" y="3090735"/>
            <a:ext cx="5118466" cy="234177"/>
          </a:xfrm>
          <a:prstGeom prst="rect">
            <a:avLst/>
          </a:prstGeom>
          <a:gradFill flip="none" rotWithShape="1">
            <a:gsLst>
              <a:gs pos="96000">
                <a:srgbClr val="6D6E6A">
                  <a:alpha val="0"/>
                  <a:lumMod val="60000"/>
                  <a:lumOff val="40000"/>
                </a:srgbClr>
              </a:gs>
              <a:gs pos="97000">
                <a:srgbClr val="6D6E6A">
                  <a:lumMod val="60000"/>
                  <a:lumOff val="40000"/>
                </a:srgbClr>
              </a:gs>
              <a:gs pos="100000">
                <a:srgbClr val="6D6E6A">
                  <a:lumMod val="60000"/>
                  <a:lumOff val="40000"/>
                </a:srgbClr>
              </a:gs>
            </a:gsLst>
            <a:lin ang="5400000" scaled="1"/>
            <a:tileRect/>
          </a:gradFill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US" sz="900" b="1" dirty="0">
                <a:latin typeface="Arial" panose="020B0604020202020204" pitchFamily="34" charset="0"/>
              </a:rPr>
              <a:t>Borrowing base recommendation</a:t>
            </a:r>
          </a:p>
        </p:txBody>
      </p:sp>
      <p:sp>
        <p:nvSpPr>
          <p:cNvPr id="3" name="Rectangle 2"/>
          <p:cNvSpPr/>
          <p:nvPr/>
        </p:nvSpPr>
        <p:spPr>
          <a:xfrm>
            <a:off x="5711284" y="1637894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5715765" y="2074256"/>
            <a:ext cx="36580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b="1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</a:t>
            </a:r>
            <a:endParaRPr lang="en-US" b="1" dirty="0">
              <a:solidFill>
                <a:srgbClr val="00B05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7546722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Term sheet </a:t>
            </a:r>
          </a:p>
        </p:txBody>
      </p:sp>
      <p:graphicFrame>
        <p:nvGraphicFramePr>
          <p:cNvPr id="12" name="Table 11"/>
          <p:cNvGraphicFramePr>
            <a:graphicFrameLocks noGrp="1"/>
          </p:cNvGraphicFramePr>
          <p:nvPr>
            <p:custDataLst>
              <p:tags r:id="rId2"/>
            </p:custDataLst>
          </p:nvPr>
        </p:nvGraphicFramePr>
        <p:xfrm>
          <a:off x="457200" y="1059671"/>
          <a:ext cx="8229600" cy="4961964"/>
        </p:xfrm>
        <a:graphic>
          <a:graphicData uri="http://schemas.openxmlformats.org/drawingml/2006/table">
            <a:tbl>
              <a:tblPr firstRow="1" lastRow="1"/>
              <a:tblGrid>
                <a:gridCol w="160622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749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645587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23177">
                <a:tc gridSpan="3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2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Proposed terms and conditions</a:t>
                      </a:r>
                    </a:p>
                  </a:txBody>
                  <a:tcPr marL="40341" marR="80682" marT="16136" marB="8068" anchor="b" horzOverflow="overflow">
                    <a:lnL w="12700" cmpd="sng">
                      <a:noFill/>
                      <a:prstDash val="solid"/>
                    </a:lnL>
                    <a:lnR w="12700" cmpd="sng">
                      <a:noFill/>
                      <a:prstDash val="solid"/>
                    </a:lnR>
                    <a:lnT w="12700" cmpd="sng">
                      <a:noFill/>
                      <a:prstDash val="soli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r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ts val="10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8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5720" marT="18288" marB="9144" anchor="b" horzOverflow="overflow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Borrower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kern="1200" cap="none" normalizeH="0" baseline="0" dirty="0">
                        <a:ln>
                          <a:noFill/>
                        </a:ln>
                        <a:solidFill>
                          <a:srgbClr val="E32726"/>
                        </a:solidFill>
                        <a:effectLst/>
                        <a:latin typeface="Arial" pitchFamily="34" charset="0"/>
                        <a:ea typeface="LF_Kai" charset="-122"/>
                        <a:cs typeface="+mn-cs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45720" indent="0" algn="l" defTabSz="914400" rtl="0" eaLnBrk="0" fontAlgn="b" latinLnBrk="0" hangingPunct="0">
                        <a:lnSpc>
                          <a:spcPct val="10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avis Industries Corporation (the “Company”)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57200">
                <a:tc>
                  <a:txBody>
                    <a:bodyPr/>
                    <a:lstStyle>
                      <a:lvl1pPr marL="444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0" indent="0" algn="l" defTabSz="914400" rtl="0" eaLnBrk="1" fontAlgn="base" latinLnBrk="0" hangingPunct="1">
                        <a:lnSpc>
                          <a:spcPct val="11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altLang="en-US" sz="10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bg2"/>
                          </a:solidFill>
                          <a:effectLst/>
                        </a:rPr>
                        <a:t>Facility Type:</a:t>
                      </a:r>
                      <a:endParaRPr kumimoji="0" lang="en-US" altLang="en-US" sz="1000" b="1" i="0" u="none" strike="noStrike" cap="none" normalizeH="0" baseline="0" dirty="0">
                        <a:ln>
                          <a:noFill/>
                        </a:ln>
                        <a:solidFill>
                          <a:schemeClr val="bg2"/>
                        </a:solidFill>
                        <a:effectLst/>
                        <a:latin typeface="Times New Roman" pitchFamily="18" charset="0"/>
                        <a:ea typeface="MS PGothic" pitchFamily="34" charset="-128"/>
                        <a:cs typeface="Times New Roman" pitchFamily="18" charset="0"/>
                      </a:endParaRPr>
                    </a:p>
                  </a:txBody>
                  <a:tcPr marL="40341" marR="80682" marT="16136" marB="0" anchor="ctr" horzOverflow="overflow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marR="0" lvl="1" indent="-128016" algn="l" defTabSz="914400" rtl="0" eaLnBrk="1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Char char="n"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C0C0C0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1pPr>
                      <a:lvl2pPr marL="742950" indent="-285750">
                        <a:lnSpc>
                          <a:spcPct val="110000"/>
                        </a:lnSpc>
                        <a:spcBef>
                          <a:spcPct val="70000"/>
                        </a:spcBef>
                        <a:buClr>
                          <a:srgbClr val="7397BC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2pPr>
                      <a:lvl3pPr marL="1143000" indent="-228600">
                        <a:lnSpc>
                          <a:spcPct val="110000"/>
                        </a:lnSpc>
                        <a:spcBef>
                          <a:spcPct val="20000"/>
                        </a:spcBef>
                        <a:buClr>
                          <a:srgbClr val="969696"/>
                        </a:buClr>
                        <a:buSzPct val="92000"/>
                        <a:buFont typeface="Wingdings" pitchFamily="2" charset="2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3pPr>
                      <a:lvl4pPr marL="16002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4pPr>
                      <a:lvl5pPr marL="2057400" indent="-228600">
                        <a:lnSpc>
                          <a:spcPct val="110000"/>
                        </a:lnSpc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5pPr>
                      <a:lvl6pPr marL="25146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6pPr>
                      <a:lvl7pPr marL="29718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7pPr>
                      <a:lvl8pPr marL="34290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8pPr>
                      <a:lvl9pPr marL="3886200" indent="-228600" fontAlgn="base">
                        <a:lnSpc>
                          <a:spcPct val="11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969696"/>
                        </a:buClr>
                        <a:buFont typeface="Arial" pitchFamily="34" charset="0"/>
                        <a:defRPr sz="1000">
                          <a:solidFill>
                            <a:srgbClr val="000000"/>
                          </a:solidFill>
                          <a:latin typeface="Arial" pitchFamily="34" charset="0"/>
                          <a:ea typeface="LF_Kai" charset="-122"/>
                        </a:defRPr>
                      </a:lvl9pPr>
                    </a:lstStyle>
                    <a:p>
                      <a:pPr marL="0" marR="0" lvl="1" indent="0" algn="l" defTabSz="914400" rtl="0" eaLnBrk="1" fontAlgn="base" latinLnBrk="0" hangingPunct="0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/>
                        <a:defRPr/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LF_Kai" charset="-122"/>
                          <a:cs typeface="Arial" panose="020B0604020202020204" pitchFamily="34" charset="0"/>
                        </a:rPr>
                        <a:t>Revolving Credit Facility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Amount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r>
                        <a:rPr kumimoji="0" lang="en-US" altLang="en-US" sz="9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Arial" pitchFamily="34" charset="0"/>
                          <a:ea typeface="LF_Kai" charset="-122"/>
                        </a:rPr>
                        <a:t>$200,000,000</a:t>
                      </a: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Tenor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150000"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</a:t>
                      </a:r>
                      <a:endParaRPr lang="en-US" sz="900" b="0" i="0" u="none" strike="noStrike" kern="1200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Maturity: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 years from closing date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Spread (Interest Rate)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4.00%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ea typeface="PMingLiU"/>
                          <a:cs typeface="Arial" panose="020B0604020202020204" pitchFamily="34" charset="0"/>
                        </a:rPr>
                        <a:t>Undrawn Fee: </a:t>
                      </a: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lvl="1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/>
                        <a:buNone/>
                        <a:tabLst>
                          <a:tab pos="201295" algn="l"/>
                          <a:tab pos="219710" algn="l"/>
                        </a:tabLst>
                      </a:pPr>
                      <a:r>
                        <a:rPr lang="en-US" sz="900" b="0" i="0" u="none" strike="noStrike" kern="1200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50 basis points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45720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se of Proceed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eneral corporate purposes</a:t>
                      </a:r>
                      <a:endParaRPr lang="en-US" sz="900" b="0" i="0" u="none" strike="noStrike" cap="none" baseline="0" noProof="0" dirty="0">
                        <a:solidFill>
                          <a:schemeClr val="tx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1097280">
                <a:tc>
                  <a:txBody>
                    <a:bodyPr/>
                    <a:lstStyle/>
                    <a:p>
                      <a:pPr marL="0" marR="45720" indent="0" algn="l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r>
                        <a:rPr lang="en-US" sz="1000" b="1" i="0" u="none" strike="noStrike" cap="none" baseline="0" noProof="0" dirty="0">
                          <a:solidFill>
                            <a:schemeClr val="bg2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Financial Covenants:</a:t>
                      </a:r>
                      <a:endParaRPr lang="en-US" sz="1000" b="1" i="0" u="none" strike="noStrike" cap="none" baseline="0" noProof="0" dirty="0">
                        <a:solidFill>
                          <a:schemeClr val="bg2"/>
                        </a:solidFill>
                        <a:effectLst/>
                        <a:latin typeface="Arial" panose="020B0604020202020204" pitchFamily="34" charset="0"/>
                        <a:ea typeface="PMingLiU"/>
                        <a:cs typeface="Arial" panose="020B0604020202020204" pitchFamily="34" charset="0"/>
                      </a:endParaRPr>
                    </a:p>
                  </a:txBody>
                  <a:tcPr marL="40341" marR="0" marT="16136" marB="0" anchor="ctr">
                    <a:lnL w="12700" cmpd="sng">
                      <a:noFill/>
                      <a:prstDash val="soli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263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altLang="en-US" sz="700" b="0" i="0" u="none" strike="noStrike" cap="none" normalizeH="0" baseline="0" dirty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Arial" pitchFamily="34" charset="0"/>
                        <a:ea typeface="LF_Kai" charset="-122"/>
                      </a:endParaRPr>
                    </a:p>
                  </a:txBody>
                  <a:tcPr marL="40341" marR="80682" marT="16136" marB="0" anchor="ctr" horzOverflow="overflow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ovenant not to exceed 3.5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ash Flow Leverage calculated as Total Debt / EBITDA </a:t>
                      </a:r>
                    </a:p>
                    <a:p>
                      <a:pPr marL="128016" lvl="1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not less than 3.00x</a:t>
                      </a:r>
                    </a:p>
                    <a:p>
                      <a:pPr marL="256032" lvl="2" indent="-128016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Pct val="92000"/>
                        <a:buFont typeface="Wingdings" panose="05000000000000000000" pitchFamily="2" charset="2"/>
                        <a:buChar char="n"/>
                      </a:pPr>
                      <a:r>
                        <a:rPr lang="en-US" sz="900" b="0" i="0" u="none" strike="noStrike" cap="none" baseline="0" noProof="0" dirty="0">
                          <a:solidFill>
                            <a:schemeClr val="tx2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terest Coverage covenant calculated as EBITDA / Total Interest </a:t>
                      </a:r>
                    </a:p>
                  </a:txBody>
                  <a:tcPr marL="40341" marR="80682" marT="16136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  <a:prstDash val="solid"/>
                    </a:lnR>
                    <a:lnT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42541719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457200" y="535377"/>
            <a:ext cx="8229600" cy="278130"/>
          </a:xfrm>
        </p:spPr>
        <p:txBody>
          <a:bodyPr>
            <a:normAutofit fontScale="90000"/>
          </a:bodyPr>
          <a:lstStyle/>
          <a:p>
            <a:r>
              <a:rPr lang="en-US" dirty="0"/>
              <a:t>Financial Model</a:t>
            </a:r>
          </a:p>
        </p:txBody>
      </p:sp>
      <p:sp>
        <p:nvSpPr>
          <p:cNvPr id="8" name="Subtitle 7"/>
          <p:cNvSpPr>
            <a:spLocks noGrp="1"/>
          </p:cNvSpPr>
          <p:nvPr>
            <p:ph type="subTitle" sz="quarter" idx="11"/>
          </p:nvPr>
        </p:nvSpPr>
        <p:spPr>
          <a:xfrm>
            <a:off x="457200" y="178990"/>
            <a:ext cx="8279476" cy="322729"/>
          </a:xfrm>
          <a:solidFill>
            <a:srgbClr val="FFFFCC"/>
          </a:solidFill>
        </p:spPr>
        <p:txBody>
          <a:bodyPr/>
          <a:lstStyle/>
          <a:p>
            <a:r>
              <a:rPr lang="en-US" b="1" dirty="0"/>
              <a:t>Participant to paste excel model below – Below is for </a:t>
            </a:r>
            <a:r>
              <a:rPr lang="en-US" b="1" dirty="0">
                <a:solidFill>
                  <a:srgbClr val="FF0000"/>
                </a:solidFill>
              </a:rPr>
              <a:t>illustrative purposes only, not to be included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8EFC9D11-B82C-40A7-9649-97561E20C0B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64903754"/>
              </p:ext>
            </p:extLst>
          </p:nvPr>
        </p:nvGraphicFramePr>
        <p:xfrm>
          <a:off x="457200" y="1169894"/>
          <a:ext cx="8229604" cy="5002297"/>
        </p:xfrm>
        <a:graphic>
          <a:graphicData uri="http://schemas.openxmlformats.org/drawingml/2006/table">
            <a:tbl>
              <a:tblPr/>
              <a:tblGrid>
                <a:gridCol w="2007608">
                  <a:extLst>
                    <a:ext uri="{9D8B030D-6E8A-4147-A177-3AD203B41FA5}">
                      <a16:colId xmlns:a16="http://schemas.microsoft.com/office/drawing/2014/main" val="2930101384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386238703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3211400667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1599790007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1913053666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441840179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2198479603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3224281021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3767566938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1988735660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2604816845"/>
                    </a:ext>
                  </a:extLst>
                </a:gridCol>
                <a:gridCol w="565636">
                  <a:extLst>
                    <a:ext uri="{9D8B030D-6E8A-4147-A177-3AD203B41FA5}">
                      <a16:colId xmlns:a16="http://schemas.microsoft.com/office/drawing/2014/main" val="2207522905"/>
                    </a:ext>
                  </a:extLst>
                </a:gridCol>
              </a:tblGrid>
              <a:tr h="150092">
                <a:tc>
                  <a:txBody>
                    <a:bodyPr/>
                    <a:lstStyle/>
                    <a:p>
                      <a:pPr algn="l" fontAlgn="b"/>
                      <a:endParaRPr lang="en-US" sz="800" b="1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Year Ended July 31,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718002478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CF Model ($m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PF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8P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9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0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1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2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3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4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5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6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7P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72037473"/>
                  </a:ext>
                </a:extLst>
              </a:tr>
              <a:tr h="15009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evenu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0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25.0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88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80836173"/>
                  </a:ext>
                </a:extLst>
              </a:tr>
              <a:tr h="15009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Growth</a:t>
                      </a:r>
                    </a:p>
                  </a:txBody>
                  <a:tcPr marL="87464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5.5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.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2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9434239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99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05.0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17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29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4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8070816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% Margin</a:t>
                      </a:r>
                    </a:p>
                  </a:txBody>
                  <a:tcPr marL="87464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.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.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71494446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terest Expense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4)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3.8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2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1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5753251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Tax Expense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0.9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3.5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5.8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(129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67994904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l-GR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Δ </a:t>
                      </a:r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 NWC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11.1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15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14.0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53.7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3816116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pex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18.4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0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(22.6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47558531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Dividend payments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4.2)</a:t>
                      </a:r>
                    </a:p>
                  </a:txBody>
                  <a:tcPr marL="0" marR="0" marT="0" marB="0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4.7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(5.2)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7559461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Free cash flow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51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60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70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1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1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19322543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umulative free cash flow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98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5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829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1,346.7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1,863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2,352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2,841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3,330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3,819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32011526"/>
                  </a:ext>
                </a:extLst>
              </a:tr>
              <a:tr h="139480">
                <a:tc>
                  <a:txBody>
                    <a:bodyPr/>
                    <a:lstStyle/>
                    <a:p>
                      <a:pPr algn="l" fontAlgn="t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47434570"/>
                  </a:ext>
                </a:extLst>
              </a:tr>
              <a:tr h="158431">
                <a:tc>
                  <a:txBody>
                    <a:bodyPr/>
                    <a:lstStyle/>
                    <a:p>
                      <a:pPr algn="l" fontAlgn="t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67.0%</a:t>
                      </a:r>
                    </a:p>
                  </a:txBody>
                  <a:tcPr marL="0" marR="0" marT="0" marB="0" anchor="b">
                    <a:lnL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-yr Payout</a:t>
                      </a:r>
                    </a:p>
                  </a:txBody>
                  <a:tcPr marL="0" marR="0" marT="0" marB="0" anchor="b">
                    <a:lnL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27978661"/>
                  </a:ext>
                </a:extLst>
              </a:tr>
              <a:tr h="139480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90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40980268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Mandatory debt repayments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401925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ash available for debt servic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51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60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670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1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516.8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489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61854192"/>
                  </a:ext>
                </a:extLst>
              </a:tr>
              <a:tr h="141753">
                <a:tc gridSpan="2"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umulative free cash flow for debt service</a:t>
                      </a:r>
                    </a:p>
                  </a:txBody>
                  <a:tcPr marL="87464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46.6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98.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59.3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829.9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1,346.7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1,863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2,352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2,841.5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3,330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3,819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28077215"/>
                  </a:ext>
                </a:extLst>
              </a:tr>
              <a:tr h="139480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01457834"/>
                  </a:ext>
                </a:extLst>
              </a:tr>
              <a:tr h="15009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10">
                  <a:txBody>
                    <a:bodyPr/>
                    <a:lstStyle/>
                    <a:p>
                      <a:pPr algn="ct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Year Ended July 31,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06464171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Covenant Projections ($mm)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7PF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8E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19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0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1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2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3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4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5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6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027E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91238536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R/C facility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26.0 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79.4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27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17042721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erm Loan A</a:t>
                      </a: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88997393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Total Debt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126.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79.4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27.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     -  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AE9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27334893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338366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Leverage Ratio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.2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76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23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0.0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3359036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Leverage Covenant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7369819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ushion ($)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63.78 </a:t>
                      </a:r>
                    </a:p>
                  </a:txBody>
                  <a:tcPr marL="87464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82.32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109.7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129.3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9.06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9.49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0.70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6.8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6.8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6.8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6.8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11426042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ushion (%)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3.9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78.4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3.33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00.00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09062117"/>
                  </a:ext>
                </a:extLst>
              </a:tr>
              <a:tr h="139480">
                <a:tc>
                  <a:txBody>
                    <a:bodyPr/>
                    <a:lstStyle/>
                    <a:p>
                      <a:pPr algn="l" fontAlgn="t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 dirty="0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1" u="none" strike="noStrike">
                        <a:solidFill>
                          <a:srgbClr val="6D6E6A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80227842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terest Coverage Ratio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8.44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27.79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59.99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29.3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139.06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9.49x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60.70x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46.8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46.8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46.8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646.8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E1C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16536767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Interest Coverage Covenant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3.50x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6D6E6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59474613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ushion ($)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80.84 </a:t>
                      </a:r>
                    </a:p>
                  </a:txBody>
                  <a:tcPr marL="87464" marR="0" marT="0" marB="0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  91.78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110.74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125.86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35.56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45.99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157.20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3.3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3.3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3.3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     643.30 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36144261"/>
                  </a:ext>
                </a:extLst>
              </a:tr>
              <a:tr h="141753">
                <a:tc>
                  <a:txBody>
                    <a:bodyPr/>
                    <a:lstStyle/>
                    <a:p>
                      <a:pPr algn="l" fontAlgn="t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EBITDA Cushion (%)</a:t>
                      </a:r>
                    </a:p>
                  </a:txBody>
                  <a:tcPr marL="87464" marR="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1.02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87.4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6D6E6A"/>
                      </a:solidFill>
                      <a:prstDash val="dashDot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4.17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7.29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97.48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 97.6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7.82% 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CC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9.4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9.4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9.4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1" u="none" strike="noStrike" dirty="0">
                          <a:solidFill>
                            <a:srgbClr val="6D6E6A"/>
                          </a:solidFill>
                          <a:effectLst/>
                          <a:latin typeface="Arial" panose="020B0604020202020204" pitchFamily="34" charset="0"/>
                        </a:rPr>
                        <a:t>99.46%</a:t>
                      </a:r>
                    </a:p>
                  </a:txBody>
                  <a:tcPr marL="0" marR="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16042249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39140704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6"/>
  <p:tag name="THISSHAPESIZEANDPOSITIONDETAILS" val="top=165.625&amp;left=37.44&amp;height=430.2813&amp;width=336.93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Internal"/>
  <p:tag name="PITCHPROSLIDEID" val="326"/>
  <p:tag name="PRESENTATIONID" val="7fc75708-b8d2-4bb1-b50d-85aae1ccfd2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POWERPITCHTABLESTYLE" val="Standard numeric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5d6f99a7-f8ff-4828-bebf-a786b3d10174"/>
</p:tagLst>
</file>

<file path=ppt/theme/theme1.xml><?xml version="1.0" encoding="utf-8"?>
<a:theme xmlns:a="http://schemas.openxmlformats.org/drawingml/2006/main" name="Office Theme">
  <a:themeElements>
    <a:clrScheme name="JPMorgan Chase &amp; Co">
      <a:dk1>
        <a:sysClr val="windowText" lastClr="000000"/>
      </a:dk1>
      <a:lt1>
        <a:sysClr val="window" lastClr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B99D30"/>
      </a:hlink>
      <a:folHlink>
        <a:srgbClr val="007C88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551</TotalTime>
  <Words>2017</Words>
  <Application>Microsoft Macintosh PowerPoint</Application>
  <PresentationFormat>On-screen Show (4:3)</PresentationFormat>
  <Paragraphs>659</Paragraphs>
  <Slides>7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2" baseType="lpstr">
      <vt:lpstr>Arial</vt:lpstr>
      <vt:lpstr>Calibri</vt:lpstr>
      <vt:lpstr>Times New Roman</vt:lpstr>
      <vt:lpstr>Wingdings</vt:lpstr>
      <vt:lpstr>Office Theme</vt:lpstr>
      <vt:lpstr>PowerPoint Presentation</vt:lpstr>
      <vt:lpstr>Executive summary</vt:lpstr>
      <vt:lpstr>Financial overview</vt:lpstr>
      <vt:lpstr>Business and industry overview</vt:lpstr>
      <vt:lpstr>Deal structuring</vt:lpstr>
      <vt:lpstr>Term sheet </vt:lpstr>
      <vt:lpstr>Financial Model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Li, Andrew X</dc:creator>
  <cp:lastModifiedBy>SHAURYA KETHIREDDY</cp:lastModifiedBy>
  <cp:revision>78</cp:revision>
  <dcterms:created xsi:type="dcterms:W3CDTF">2020-03-26T22:50:15Z</dcterms:created>
  <dcterms:modified xsi:type="dcterms:W3CDTF">2020-10-31T04:36:16Z</dcterms:modified>
</cp:coreProperties>
</file>